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0-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0-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aalt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5230FFE7-2D43-8605-EC37-CB6AF341D74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108911"/>
            <a:ext cx="2327751" cy="15549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Graphics&#10;&#10;Automatisch gegenereerde beschrijving">
            <a:extLst>
              <a:ext uri="{FF2B5EF4-FFF2-40B4-BE49-F238E27FC236}">
                <a16:creationId xmlns:a16="http://schemas.microsoft.com/office/drawing/2014/main" id="{EEBA36A7-DED7-2F76-314B-134238DC159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3245" y="4200526"/>
            <a:ext cx="1660883" cy="110947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20T07:12:27Z</dcterms:modified>
</cp:coreProperties>
</file>